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La date d'ouvertur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à une date ultérieur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